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"/>
  </p:notesMasterIdLst>
  <p:sldIdLst>
    <p:sldId id="256" r:id="rId2"/>
  </p:sldIdLst>
  <p:sldSz cx="12192000" cy="6858000"/>
  <p:notesSz cx="6858000" cy="9144000"/>
  <p:custDataLst>
    <p:tags r:id="rId4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7" d="100"/>
          <a:sy n="107" d="100"/>
        </p:scale>
        <p:origin x="132" y="10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bleStyles" Target="tableStyles.xml"/><Relationship Id="rId3" Type="http://schemas.openxmlformats.org/officeDocument/2006/relationships/notesMaster" Target="notesMasters/notesMaster1.xml"/><Relationship Id="rId7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viewProps" Target="viewProps.xml"/><Relationship Id="rId5" Type="http://schemas.openxmlformats.org/officeDocument/2006/relationships/presProps" Target="presProps.xml"/><Relationship Id="rId4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B0DF75F-EEAD-4A82-9A39-43C10C11727E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CA6C719-8D01-4E34-AAFD-66A047B103F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0565402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CA6C719-8D01-4E34-AAFD-66A047B103F8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613980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D96D3F2-9A94-421B-B460-CBC284FEB61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905B3F7C-5D53-4AE5-8B56-B2A4448E7019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D515E26B-0930-462F-8120-3EFE529290F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4E73D3F2-8BFC-4E13-92AB-5F13A72A8AB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42CCE956-C8FD-4107-A38A-30E89459234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7681798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91F8B61D-2AEC-4780-95CB-85FFDD0003D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812FBBE9-C46B-482A-8340-EB7E0969E9D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2BF8D4A3-20DB-4083-87E8-5A8D71EA10A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AC29D821-E7E6-4B9D-831D-848E2E232FD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AC63BC75-4456-4EBA-A727-1D8DEFFDE40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3219869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:a16="http://schemas.microsoft.com/office/drawing/2014/main" id="{A1A81CAE-8C6A-4D9D-ADFF-C73D36B1E91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4905650A-384C-4B1B-8A3E-880742656609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AEB86E42-723B-494B-A29B-A96CD85505D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5A0A8D-B1F1-4CCC-8685-D6B77D54CCF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6F82A340-B747-46D7-A605-EA3A7B11AB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9350745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D4A0774-D7E9-4076-9169-C9DFBAFD7EA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B01609BD-D33E-4763-9369-4ECC2962C12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D4736384-BAEE-4479-A37A-174DBA2958F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A9951A1-9603-44CD-AD16-FBE2B4EB7EA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0032A37A-5D04-411C-BA23-ED6ED80CE0C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3911872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5626B876-4146-4EF8-B70D-DD8667354BC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7C9DF3BC-417A-4074-8F39-47CF71DB0A4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D153DB1D-1986-4C40-B40D-AD06D7D1A1E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753F0197-0BBC-4D4A-9A22-877B96973A3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26B04D96-9D76-431D-BF54-D4E765970B0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9032286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2323BF8B-C482-4479-A755-1140F119C96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0ADD2F27-139B-47B8-93F7-A2A5FEEC4179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0A86891C-4DA5-4F02-B835-1BC5141F9C6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5002354F-8DF0-4BDA-A5C4-3C904C307DD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EC6FB9B2-7346-48D8-906D-9E1F7B55BCE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8F76620C-4785-442A-91B6-FD106E4A698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3374134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DB791171-DBBD-4D1E-B80A-D33F335344B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C74EA370-89F8-4E1E-9666-85BC0A21A12C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635DD7C2-C2CB-4583-8146-7C6EE26F3678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:a16="http://schemas.microsoft.com/office/drawing/2014/main" id="{FF33424B-EE22-47D9-8D6E-0EF4FA94D8CB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:a16="http://schemas.microsoft.com/office/drawing/2014/main" id="{62BCF726-B9B6-46B8-9952-54506D41B413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:a16="http://schemas.microsoft.com/office/drawing/2014/main" id="{411AB4FA-3FC0-44E8-A0E0-26033D9DCC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:a16="http://schemas.microsoft.com/office/drawing/2014/main" id="{60CCFE2D-30D2-4E16-A8F2-6E90C316A73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>
            <a:extLst>
              <a:ext uri="{FF2B5EF4-FFF2-40B4-BE49-F238E27FC236}">
                <a16:creationId xmlns:a16="http://schemas.microsoft.com/office/drawing/2014/main" id="{ED1E7092-12C4-4250-9C96-76904B330C4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4396905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46A5DB6E-DDC1-43CC-8728-18419A4AF13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7B5FCC04-072F-4BD2-9B8B-457306DA731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id="{0B217EDB-0E02-4384-A768-7C9585F0F6A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48FA0792-B483-4DEF-90AF-326684B6322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8271930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86802B7F-3133-4F12-A9EB-0AACE23C8C2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6258584A-B63D-4999-9991-231E4C8AFDC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3AB7F345-FD1F-42F1-928E-C3E0B3941AD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9524756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853CFDC-E4C5-4D32-A06D-E19C2B844D7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150939B2-0C9D-4C3C-A9DE-24485B2B77D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2F256CE3-547F-4037-A314-FE44E6E6342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8253D4C8-19CF-4D58-BF92-BAB75EE4C49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A3712985-3011-43E7-B2F8-CA954AB2E79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CAC006A0-DC96-4060-A3AA-18EFBB45609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7613612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00CBBD4-EAA0-46D3-9A9A-9052C3CDBE0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:a16="http://schemas.microsoft.com/office/drawing/2014/main" id="{5F9DD410-B69B-46BA-A75B-F53D7C0CCE61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35AD01D1-EC6F-487B-916E-2C1BA86A540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3775508F-265D-46FF-B51E-E7714010070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C1D48C12-E8E4-4952-A8B5-C355187EE6F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C42A7309-B6D3-46CA-B485-8B21C7C6E0F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1708965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BB657E67-EC75-4780-BBC6-28882860895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AAC6FE50-8709-4E77-A4F2-A325F271B14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5BC3D2DD-2FE5-439D-8C93-E03636B1B4C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74D2707-CE17-44E9-9F74-F1C35A96661A}" type="datetimeFigureOut">
              <a:rPr lang="ru-RU" smtClean="0"/>
              <a:t>23.05.2025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F70E8FD-099C-418C-8E0C-F7B835932B0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7C79C6CD-FC66-4E2A-AD87-3AA5052F2BB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C08BA7-D726-446E-96C3-D9592C42B8D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3491924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6" Type="http://schemas.openxmlformats.org/officeDocument/2006/relationships/image" Target="../media/image3.svg"/><Relationship Id="rId5" Type="http://schemas.openxmlformats.org/officeDocument/2006/relationships/image" Target="../media/image2.png"/><Relationship Id="rId4" Type="http://schemas.openxmlformats.org/officeDocument/2006/relationships/image" Target="../media/image1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85000"/>
            <a:lumOff val="1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араллелограмм 3">
            <a:extLst>
              <a:ext uri="{FF2B5EF4-FFF2-40B4-BE49-F238E27FC236}">
                <a16:creationId xmlns:a16="http://schemas.microsoft.com/office/drawing/2014/main" id="{D68C544D-38CE-4AB9-ADF5-F1FC22856588}"/>
              </a:ext>
            </a:extLst>
          </p:cNvPr>
          <p:cNvSpPr/>
          <p:nvPr/>
        </p:nvSpPr>
        <p:spPr>
          <a:xfrm>
            <a:off x="4216400" y="0"/>
            <a:ext cx="9791700" cy="6858000"/>
          </a:xfrm>
          <a:prstGeom prst="parallelogram">
            <a:avLst>
              <a:gd name="adj" fmla="val 26111"/>
            </a:avLst>
          </a:prstGeom>
          <a:blipFill dpi="0"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a:blip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>
              <a:noFill/>
            </a:endParaRPr>
          </a:p>
        </p:txBody>
      </p:sp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65B83C7-5B79-467E-880B-E7A21047AF93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030939" y="2402261"/>
            <a:ext cx="3021107" cy="1026739"/>
          </a:xfrm>
        </p:spPr>
        <p:txBody>
          <a:bodyPr/>
          <a:lstStyle/>
          <a:p>
            <a:r>
              <a:rPr lang="en-US" dirty="0">
                <a:solidFill>
                  <a:schemeClr val="bg1"/>
                </a:solidFill>
                <a:latin typeface="Adobe Gothic Std B" panose="020B0800000000000000" pitchFamily="34" charset="-128"/>
                <a:ea typeface="Adobe Gothic Std B" panose="020B0800000000000000" pitchFamily="34" charset="-128"/>
              </a:rPr>
              <a:t>AIDA64</a:t>
            </a:r>
            <a:endParaRPr lang="ru-RU" dirty="0">
              <a:solidFill>
                <a:schemeClr val="bg1"/>
              </a:solidFill>
              <a:latin typeface="Adobe Gothic Std B" panose="020B0800000000000000" pitchFamily="34" charset="-128"/>
              <a:ea typeface="Adobe Gothic Std B" panose="020B0800000000000000" pitchFamily="34" charset="-128"/>
            </a:endParaRP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0D56AAA5-1F64-4BCE-9C38-14FB0AE9B6CE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90501" y="4169631"/>
            <a:ext cx="5905500" cy="1329469"/>
          </a:xfrm>
        </p:spPr>
        <p:txBody>
          <a:bodyPr>
            <a:normAutofit fontScale="85000" lnSpcReduction="10000"/>
          </a:bodyPr>
          <a:lstStyle/>
          <a:p>
            <a:r>
              <a:rPr lang="ru-RU" dirty="0">
                <a:solidFill>
                  <a:schemeClr val="bg1"/>
                </a:solidFill>
              </a:rPr>
              <a:t>AIDA64 — это мощный инструмент для диагностики и мониторинга аппаратных компонентов компьютера. Программа позволяет получить детальную информацию о состоянии системы и выявить возможные проблемы.</a:t>
            </a:r>
          </a:p>
        </p:txBody>
      </p:sp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E988A8A1-8CC4-443D-90FF-8C5078C9340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-93804" y="0"/>
            <a:ext cx="2249487" cy="234912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877144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2" grpId="0"/>
      <p:bldP spid="3" grpId="0" build="p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CONVERTER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true,&quot;showNextButton&quot;:true,&quot;showOutline&quot;:false,&quot;showPlayPause&quot;:true,&quot;showPlaybackRateButton&quot;:true,&quot;showPrevButton&quot;:true,&quot;showRewind&quot;:true,&quot;showSlideNumbers&quot;:true,&quot;showSlideOnlyButton&quot;:true,&quot;showSubtitlesButton&quot;:false,&quot;showTimer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rotatePromptEnabled&quot;:false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,&quot;outline&quot;],&quot;buttonsAtLeft&quot;:false,&quot;courseTitleVisible&quot;:true,&quot;showLogo&quot;:false,&quot;visible&quot;:true},&quot;version&quot;:&quot;1.3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OPUP_ROTATE_SCREEN_PROMPT_LANDSCAPE&quot;:&quot;Rotate your device to landscape mode&quot;,&quot;PB_POPUP_ROTATE_SCREEN_PROMPT_PORTRAIT&quot;:&quot;Rotate your device to the portrait mode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4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Notes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Notes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Notes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Notes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Notes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1234567890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Notes&quot;,&quot;%SLIDE_NUMBER% of %TOTAL_SLIDES%&quot;,&quot;Yes&quot;,&quot;No&quot;,&quot;OK&quot;,&quot;Do you want to resume where you left off?&quot;,&quot;Rotate your device to the portrait mode&quot;,&quot;Rotate your device to landscape mode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}}},&quot;ceipData&quot;:{&quot;enableMiniSkinCustomization&quot;:true,&quot;playerLayout&quot;:&quot;builtin.fullPlayer&quot;,&quot;playerLayoutFooter&quot;:&quot;playAndPause,acceleration,notes,replay,fullscreen,volumeControl,slideNumber,goToPrev,goToNext&quot;,&quot;playerLayoutHeader&quot;:&quot;resources,markerTools,presenterInfo,outline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10,&quot;playerThemeColorScheme&quot;:&quot;builtin.lightBlue&quot;,&quot;playerThemeFont&quot;:&quot;Arial&quot;}}}"/>
  <p:tag name="ISPRING-CONVERTER_ISPRING_CURRENT_PLAYER_ID" val="universal"/>
  <p:tag name="ISPRING_PRESENTATION_COURSE_TITLE" val="AIDA64"/>
  <p:tag name="ISPRING_LMS_API_VERSION" val="SCORM 2004 (4th edition)"/>
  <p:tag name="ISPRING_ULTRA_SCORM_COURSE_ID" val="A106EA8E-221F-406A-982D-39E1818E21D5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SLIDES" val="1"/>
  <p:tag name="ISPRINGCLOUDFOLDERID" val="1"/>
  <p:tag name="ISPRINGONLINEFOLDERID" val="1"/>
  <p:tag name="ISPRING_OUTPUT_FOLDER" val="[[&quot;ǽ\uFFFD\uFFFD{60C6311E-6C41-4B4B-A2B3-DD5228B277D9}&quot;,&quot;C:\\Users\\Redux\\Desktop\\Прототип сайта\\---------------1\\Presentation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QUIZZES" val="0"/>
  <p:tag name="ISPRING_SCORM_PASSING_SCORE" val="100.000000"/>
  <p:tag name="ISPRING_PRESENTATION_TITLE" val="AIDA64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07CF62F-8260-4AF8-845D-4FA67BD6441D}:256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7</TotalTime>
  <Words>28</Words>
  <Application>Microsoft Office PowerPoint</Application>
  <PresentationFormat>Широкоэкранный</PresentationFormat>
  <Paragraphs>3</Paragraphs>
  <Slides>1</Slides>
  <Notes>1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</vt:i4>
      </vt:variant>
    </vt:vector>
  </HeadingPairs>
  <TitlesOfParts>
    <vt:vector size="6" baseType="lpstr">
      <vt:lpstr>Adobe Gothic Std B</vt:lpstr>
      <vt:lpstr>Arial</vt:lpstr>
      <vt:lpstr>Calibri</vt:lpstr>
      <vt:lpstr>Calibri Light</vt:lpstr>
      <vt:lpstr>Тема Office</vt:lpstr>
      <vt:lpstr>AIDA64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IDA64</dc:title>
  <dc:creator>Валентин Харитонов</dc:creator>
  <cp:lastModifiedBy>Валентин Харитонов</cp:lastModifiedBy>
  <cp:revision>6</cp:revision>
  <dcterms:created xsi:type="dcterms:W3CDTF">2025-05-23T09:09:01Z</dcterms:created>
  <dcterms:modified xsi:type="dcterms:W3CDTF">2025-05-23T09:47:49Z</dcterms:modified>
</cp:coreProperties>
</file>